
<file path=[Content_Types].xml><?xml version="1.0" encoding="utf-8"?>
<Types xmlns="http://schemas.openxmlformats.org/package/2006/content-types">
  <Default Extension="bin" ContentType="image/jpe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15"/>
  </p:sldMasterIdLst>
  <p:notesMasterIdLst>
    <p:notesMasterId r:id="rId23"/>
  </p:notesMasterIdLst>
  <p:handoutMasterIdLst>
    <p:handoutMasterId r:id="rId24"/>
  </p:handoutMasterIdLst>
  <p:sldIdLst>
    <p:sldId id="322" r:id="rId16"/>
    <p:sldId id="312" r:id="rId17"/>
    <p:sldId id="351" r:id="rId18"/>
    <p:sldId id="374" r:id="rId19"/>
    <p:sldId id="334" r:id="rId20"/>
    <p:sldId id="375" r:id="rId21"/>
    <p:sldId id="376" r:id="rId22"/>
  </p:sldIdLst>
  <p:sldSz cx="12192000" cy="6858000"/>
  <p:notesSz cx="6858000" cy="9144000"/>
  <p:embeddedFontLst>
    <p:embeddedFont>
      <p:font typeface="DI Sans Office" panose="02000503000000020003" pitchFamily="2" charset="77"/>
      <p:regular r:id="rId25"/>
      <p:bold r:id="rId26"/>
      <p:italic r:id="rId27"/>
      <p:boldItalic r:id="rId28"/>
    </p:embeddedFont>
    <p:embeddedFont>
      <p:font typeface="DI Sans Office Black" pitchFamily="2" charset="77"/>
      <p:bold r:id="rId29"/>
      <p:italic r:id="rId30"/>
      <p:boldItalic r:id="rId31"/>
    </p:embeddedFont>
    <p:embeddedFont>
      <p:font typeface="DI Serif Office" panose="02000505000000020003" pitchFamily="2" charset="77"/>
      <p:regular r:id="rId32"/>
      <p:bold r:id="rId33"/>
      <p:italic r:id="rId34"/>
      <p:boldItalic r:id="rId35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5F5F5"/>
    <a:srgbClr val="D0D0D0"/>
    <a:srgbClr val="BEBEBE"/>
    <a:srgbClr val="878787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0191" autoAdjust="0"/>
    <p:restoredTop sz="96220" autoAdjust="0"/>
  </p:normalViewPr>
  <p:slideViewPr>
    <p:cSldViewPr snapToGrid="0" showGuides="1">
      <p:cViewPr varScale="1">
        <p:scale>
          <a:sx n="157" d="100"/>
          <a:sy n="157" d="100"/>
        </p:scale>
        <p:origin x="192" y="3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52" d="100"/>
        <a:sy n="152" d="100"/>
      </p:scale>
      <p:origin x="0" y="0"/>
    </p:cViewPr>
  </p:sorterViewPr>
  <p:notesViewPr>
    <p:cSldViewPr snapToGrid="0">
      <p:cViewPr varScale="1">
        <p:scale>
          <a:sx n="124" d="100"/>
          <a:sy n="124" d="100"/>
        </p:scale>
        <p:origin x="4272" y="17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font" Target="fonts/font2.fntdata"/><Relationship Id="rId39" Type="http://schemas.openxmlformats.org/officeDocument/2006/relationships/tableStyles" Target="tableStyles.xml"/><Relationship Id="rId21" Type="http://schemas.openxmlformats.org/officeDocument/2006/relationships/slide" Target="slides/slide6.xml"/><Relationship Id="rId34" Type="http://schemas.openxmlformats.org/officeDocument/2006/relationships/font" Target="fonts/font10.fntdata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font" Target="fonts/font5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31" Type="http://schemas.openxmlformats.org/officeDocument/2006/relationships/font" Target="fonts/font7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sz="80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z="800" smtClean="0"/>
              <a:t>‹#›</a:t>
            </a:fld>
            <a:endParaRPr lang="en-GB" sz="80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z="800" smtClean="0"/>
              <a:t>24/11/2021</a:t>
            </a:fld>
            <a:endParaRPr lang="en-GB" sz="80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800"/>
            </a:lvl1pPr>
          </a:lstStyle>
          <a:p>
            <a:fld id="{1386E511-D742-4EFE-90B5-C9FC42762E0F}" type="datetimeFigureOut">
              <a:rPr lang="en-GB" smtClean="0"/>
              <a:pPr/>
              <a:t>24/11/2021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8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8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8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898987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637968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900" dirty="0">
              <a:latin typeface="DI Sans Office" panose="020B060402020202020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529737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2683037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0929760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br>
              <a:rPr lang="en-GB" dirty="0"/>
            </a:br>
            <a:r>
              <a:rPr lang="en-GB" dirty="0"/>
              <a:t>(sort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lyst</a:t>
            </a:r>
            <a:r>
              <a:rPr lang="en-GB" dirty="0"/>
              <a:t> </a:t>
            </a:r>
            <a:r>
              <a:rPr lang="en-GB" dirty="0" err="1"/>
              <a:t>foto</a:t>
            </a:r>
            <a:r>
              <a:rPr lang="en-GB" dirty="0"/>
              <a:t>)</a:t>
            </a:r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3C6832D-6FE3-49B8-9A5C-B35C16C54952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</a:t>
            </a:r>
            <a:r>
              <a:rPr lang="da-DK" sz="1100" b="1" dirty="0"/>
              <a:t> lyst </a:t>
            </a:r>
            <a:r>
              <a:rPr lang="da-DK" sz="1100" dirty="0"/>
              <a:t>baggrundsbillede. Indsæt et nyt: Klik på </a:t>
            </a:r>
            <a:r>
              <a:rPr lang="da-DK" sz="1100" b="1" dirty="0"/>
              <a:t>Baggrundsbilleder </a:t>
            </a:r>
            <a:r>
              <a:rPr lang="da-DK" sz="1100" dirty="0"/>
              <a:t>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5F918F85-A0E1-4E42-AA0E-E67B48D5C45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2921" y="5817600"/>
            <a:ext cx="4539598" cy="713946"/>
          </a:xfrm>
          <a:prstGeom prst="rect">
            <a:avLst/>
          </a:prstGeom>
        </p:spPr>
      </p:pic>
      <p:sp>
        <p:nvSpPr>
          <p:cNvPr id="14" name="Pagenumber 30" hidden="1">
            <a:extLst>
              <a:ext uri="{FF2B5EF4-FFF2-40B4-BE49-F238E27FC236}">
                <a16:creationId xmlns:a16="http://schemas.microsoft.com/office/drawing/2014/main" id="{B5F50ABF-1BAA-43D9-AA38-600B68946F67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6CCBD8E9-73E0-45BB-B9E3-BE36ABC4B9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FDF19F84-A717-4C58-9C6E-80C72EFAC0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BA78B9-3102-4583-9902-125279D33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I </a:t>
            </a:r>
            <a:r>
              <a:rPr lang="en-US" dirty="0" err="1"/>
              <a:t>flerelinjer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r>
              <a:rPr lang="en-US" dirty="0"/>
              <a:t> I </a:t>
            </a:r>
            <a:r>
              <a:rPr lang="en-US" dirty="0" err="1"/>
              <a:t>korrek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lys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2" name="image" descr="{&quot;templafy&quot;:{&quot;type&quot;:&quot;image&quot;,&quot;width&quot;:&quot;12.61 cm&quot;,&quot;height&quot;:&quot;1.98 cm&quot;,&quot;binding&quot;:&quot;UserProfile.LogoSelection.LogoCitatA_{{DocumentLanguage}}&quot;}}" title="UserProfile.LogoSelection.LogoCitatA_{{DocumentLanguage}}">
            <a:extLst>
              <a:ext uri="{FF2B5EF4-FFF2-40B4-BE49-F238E27FC236}">
                <a16:creationId xmlns:a16="http://schemas.microsoft.com/office/drawing/2014/main" id="{58629738-7A4F-41E3-BE7B-DDCDAC0D87F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83FB32AC-CAED-4387-8773-5234BC5EAFD5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49D87B9D-E214-4187-AEA7-4FEE8700C07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0DB03D9-DF18-4C1B-9B38-BA3BE896AAF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AD9DE48-8112-431B-88DD-061099D0E8D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6515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I </a:t>
            </a:r>
            <a:r>
              <a:rPr lang="en-US" dirty="0" err="1"/>
              <a:t>fler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r>
              <a:rPr lang="en-US" dirty="0"/>
              <a:t> I </a:t>
            </a:r>
            <a:r>
              <a:rPr lang="en-US" dirty="0" err="1"/>
              <a:t>korrekt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mørk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BA1AB2EB-A772-4F0D-86BB-A1E419D0505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D5FE0450-CA85-4A19-AB1F-EA59144CE931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A6C90AAB-393E-44C9-AEBA-254B53B3F58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D6DDFB01-2560-4964-A681-5F920934CA5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6FA7791-1BB8-4DEA-BBC3-CA14444494C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348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7248526" cy="3867150"/>
          </a:xfrm>
        </p:spPr>
        <p:txBody>
          <a:bodyPr lIns="0" rIns="0"/>
          <a:lstStyle>
            <a:lvl1pPr marL="0" indent="0">
              <a:buFont typeface="Arial" panose="020B0604020202020204" pitchFamily="34" charset="0"/>
              <a:buChar char="​"/>
              <a:defRPr sz="32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fler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. </a:t>
            </a: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br>
              <a:rPr lang="en-US" dirty="0"/>
            </a:br>
            <a:r>
              <a:rPr lang="en-US" dirty="0"/>
              <a:t>I </a:t>
            </a:r>
            <a:r>
              <a:rPr lang="en-US" dirty="0" err="1"/>
              <a:t>korrek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607D5FB-24E7-4213-A8C2-E0CDAB40C30E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da-DK" sz="1100" noProof="1"/>
              <a:t>Vil du indsætte et </a:t>
            </a:r>
            <a:r>
              <a:rPr lang="da-DK" sz="1100" b="1" noProof="1"/>
              <a:t>mørkt</a:t>
            </a:r>
            <a:r>
              <a:rPr lang="da-DK" sz="1100" noProof="1"/>
              <a:t> baggrundsbillede, indsæt nyt billede via Templafy Images ikonet, klik på billedet og vælg knappen </a:t>
            </a:r>
            <a:r>
              <a:rPr lang="da-DK" sz="1100" b="1" noProof="1"/>
              <a:t>Set slide background</a:t>
            </a:r>
            <a:r>
              <a:rPr lang="da-DK" sz="1100" noProof="1"/>
              <a:t> under DI menuen.</a:t>
            </a:r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B4B11615-20F6-4D1E-86F2-EF7BE5126B5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151BA9F-71E9-4FBC-89D6-810C35EC4C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1B480451-5D11-4804-AEF3-F9F0D79B1D2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7200B1E-4C42-4093-92D4-7C59F2FD091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727985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22145B0-82AC-40EF-B7A9-AD21763895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03B37BE-68A0-4BF4-86E3-E8D7A4787D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F5C055B-B71E-4EDD-A9BC-A8FB0225C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58873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rå">
    <p:bg>
      <p:bgPr>
        <a:solidFill>
          <a:srgbClr val="87878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6C66DEB-7068-4B5D-8167-E3992D2411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C45D6C5B-3211-498B-91C9-42CBF5DF2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BEF9D5C-AF3B-4D8F-9384-7B6AC863A7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52583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lys grå">
    <p:bg>
      <p:bgPr>
        <a:solidFill>
          <a:srgbClr val="BEBEB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4930CE8-0A35-44B4-A60F-F9683F1D5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9054752-B015-4818-847C-2DD8D82476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613F44-BDB0-48DA-AE53-7AB2C4977D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221546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dirty="0"/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C3054E4A-0E06-4747-850F-D4767740C2F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3740023B-3607-4AA4-9256-91939E75B49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9F4C26A6-39DF-464B-A860-56F85FFFA64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1A79F05-1D6C-4030-87A6-5EE7632BF16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6EB3C633-6CC9-481E-B3B3-AE57221DB9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0F41C304-484A-4DB9-9215-F621CD800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7D672DF-1063-4675-9FC2-DB23EDBED4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dirty="0" err="1">
              <a:solidFill>
                <a:schemeClr val="bg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bg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br>
              <a:rPr lang="en-GB" dirty="0"/>
            </a:br>
            <a:r>
              <a:rPr lang="en-GB" dirty="0"/>
              <a:t>(</a:t>
            </a:r>
            <a:r>
              <a:rPr lang="en-GB" dirty="0" err="1"/>
              <a:t>Hvid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mørk</a:t>
            </a:r>
            <a:r>
              <a:rPr lang="en-GB" dirty="0"/>
              <a:t> </a:t>
            </a:r>
            <a:r>
              <a:rPr lang="en-GB" dirty="0" err="1"/>
              <a:t>tfoto</a:t>
            </a:r>
            <a:r>
              <a:rPr lang="en-GB" dirty="0"/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923275-511B-4D4A-AFA5-B05EA79A20F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 </a:t>
            </a:r>
            <a:r>
              <a:rPr lang="da-DK" sz="1100" b="1" dirty="0"/>
              <a:t>mørkt</a:t>
            </a:r>
            <a:r>
              <a:rPr lang="da-DK" sz="1100" dirty="0"/>
              <a:t> baggrundsbillede. Indsæt et nyt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0F61CA3-8975-4101-A347-86F47BC5B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E7B7EB95-1613-415D-B1A4-9C3546D8B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6C133E-448A-4617-A5A1-1F070B989E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LogoNeg" descr="{ &quot;templafy&quot;: { &quot;type&quot;: &quot;image&quot;, &quot;width&quot;: &quot;12.61 cm&quot;, &quot;height&quot;: &quot;1.98 cm&quot;, &quot;binding&quot;: &quot;UserProfile.LogoSelection.LogoNeg_{{DocumentLanguage}}&quot; } }">
            <a:extLst>
              <a:ext uri="{FF2B5EF4-FFF2-40B4-BE49-F238E27FC236}">
                <a16:creationId xmlns:a16="http://schemas.microsoft.com/office/drawing/2014/main" id="{62D50543-2F5D-4BED-9213-7D2C301A55A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925" y="5817600"/>
            <a:ext cx="45554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F05F10A6-84A3-4DA1-BAA3-38D78F7BF9E9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676675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teks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l">
            <a:extLst>
              <a:ext uri="{FF2B5EF4-FFF2-40B4-BE49-F238E27FC236}">
                <a16:creationId xmlns:a16="http://schemas.microsoft.com/office/drawing/2014/main" id="{6B2B9A9F-7FBF-4586-9C4F-67C7317068F9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539750" y="731526"/>
            <a:ext cx="540000" cy="540000"/>
          </a:xfrm>
          <a:custGeom>
            <a:avLst/>
            <a:gdLst>
              <a:gd name="T0" fmla="*/ 391 w 782"/>
              <a:gd name="T1" fmla="*/ 782 h 782"/>
              <a:gd name="T2" fmla="*/ 0 w 782"/>
              <a:gd name="T3" fmla="*/ 391 h 782"/>
              <a:gd name="T4" fmla="*/ 391 w 782"/>
              <a:gd name="T5" fmla="*/ 0 h 782"/>
              <a:gd name="T6" fmla="*/ 782 w 782"/>
              <a:gd name="T7" fmla="*/ 391 h 782"/>
              <a:gd name="T8" fmla="*/ 391 w 782"/>
              <a:gd name="T9" fmla="*/ 782 h 782"/>
              <a:gd name="T10" fmla="*/ 391 w 782"/>
              <a:gd name="T11" fmla="*/ 64 h 782"/>
              <a:gd name="T12" fmla="*/ 64 w 782"/>
              <a:gd name="T13" fmla="*/ 391 h 782"/>
              <a:gd name="T14" fmla="*/ 391 w 782"/>
              <a:gd name="T15" fmla="*/ 719 h 782"/>
              <a:gd name="T16" fmla="*/ 720 w 782"/>
              <a:gd name="T17" fmla="*/ 391 h 782"/>
              <a:gd name="T18" fmla="*/ 391 w 782"/>
              <a:gd name="T19" fmla="*/ 64 h 782"/>
              <a:gd name="T20" fmla="*/ 409 w 782"/>
              <a:gd name="T21" fmla="*/ 581 h 782"/>
              <a:gd name="T22" fmla="*/ 388 w 782"/>
              <a:gd name="T23" fmla="*/ 590 h 782"/>
              <a:gd name="T24" fmla="*/ 357 w 782"/>
              <a:gd name="T25" fmla="*/ 561 h 782"/>
              <a:gd name="T26" fmla="*/ 366 w 782"/>
              <a:gd name="T27" fmla="*/ 539 h 782"/>
              <a:gd name="T28" fmla="*/ 498 w 782"/>
              <a:gd name="T29" fmla="*/ 420 h 782"/>
              <a:gd name="T30" fmla="*/ 208 w 782"/>
              <a:gd name="T31" fmla="*/ 420 h 782"/>
              <a:gd name="T32" fmla="*/ 178 w 782"/>
              <a:gd name="T33" fmla="*/ 391 h 782"/>
              <a:gd name="T34" fmla="*/ 208 w 782"/>
              <a:gd name="T35" fmla="*/ 360 h 782"/>
              <a:gd name="T36" fmla="*/ 498 w 782"/>
              <a:gd name="T37" fmla="*/ 360 h 782"/>
              <a:gd name="T38" fmla="*/ 366 w 782"/>
              <a:gd name="T39" fmla="*/ 244 h 782"/>
              <a:gd name="T40" fmla="*/ 357 w 782"/>
              <a:gd name="T41" fmla="*/ 222 h 782"/>
              <a:gd name="T42" fmla="*/ 388 w 782"/>
              <a:gd name="T43" fmla="*/ 192 h 782"/>
              <a:gd name="T44" fmla="*/ 407 w 782"/>
              <a:gd name="T45" fmla="*/ 200 h 782"/>
              <a:gd name="T46" fmla="*/ 590 w 782"/>
              <a:gd name="T47" fmla="*/ 368 h 782"/>
              <a:gd name="T48" fmla="*/ 600 w 782"/>
              <a:gd name="T49" fmla="*/ 391 h 782"/>
              <a:gd name="T50" fmla="*/ 590 w 782"/>
              <a:gd name="T51" fmla="*/ 415 h 782"/>
              <a:gd name="T52" fmla="*/ 409 w 782"/>
              <a:gd name="T53" fmla="*/ 581 h 7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</a:cxnLst>
            <a:rect l="0" t="0" r="r" b="b"/>
            <a:pathLst>
              <a:path w="782" h="782">
                <a:moveTo>
                  <a:pt x="391" y="782"/>
                </a:moveTo>
                <a:cubicBezTo>
                  <a:pt x="176" y="782"/>
                  <a:pt x="0" y="608"/>
                  <a:pt x="0" y="391"/>
                </a:cubicBezTo>
                <a:cubicBezTo>
                  <a:pt x="0" y="175"/>
                  <a:pt x="176" y="0"/>
                  <a:pt x="391" y="0"/>
                </a:cubicBezTo>
                <a:cubicBezTo>
                  <a:pt x="608" y="0"/>
                  <a:pt x="782" y="175"/>
                  <a:pt x="782" y="391"/>
                </a:cubicBezTo>
                <a:cubicBezTo>
                  <a:pt x="782" y="608"/>
                  <a:pt x="608" y="782"/>
                  <a:pt x="391" y="782"/>
                </a:cubicBezTo>
                <a:close/>
                <a:moveTo>
                  <a:pt x="391" y="64"/>
                </a:moveTo>
                <a:cubicBezTo>
                  <a:pt x="210" y="64"/>
                  <a:pt x="64" y="210"/>
                  <a:pt x="64" y="391"/>
                </a:cubicBezTo>
                <a:cubicBezTo>
                  <a:pt x="64" y="572"/>
                  <a:pt x="210" y="719"/>
                  <a:pt x="391" y="719"/>
                </a:cubicBezTo>
                <a:cubicBezTo>
                  <a:pt x="573" y="719"/>
                  <a:pt x="720" y="572"/>
                  <a:pt x="720" y="391"/>
                </a:cubicBezTo>
                <a:cubicBezTo>
                  <a:pt x="720" y="210"/>
                  <a:pt x="573" y="64"/>
                  <a:pt x="391" y="64"/>
                </a:cubicBezTo>
                <a:close/>
                <a:moveTo>
                  <a:pt x="409" y="581"/>
                </a:moveTo>
                <a:cubicBezTo>
                  <a:pt x="405" y="585"/>
                  <a:pt x="397" y="590"/>
                  <a:pt x="388" y="590"/>
                </a:cubicBezTo>
                <a:cubicBezTo>
                  <a:pt x="371" y="590"/>
                  <a:pt x="357" y="576"/>
                  <a:pt x="357" y="561"/>
                </a:cubicBezTo>
                <a:cubicBezTo>
                  <a:pt x="357" y="553"/>
                  <a:pt x="359" y="544"/>
                  <a:pt x="366" y="539"/>
                </a:cubicBezTo>
                <a:cubicBezTo>
                  <a:pt x="498" y="420"/>
                  <a:pt x="498" y="420"/>
                  <a:pt x="498" y="420"/>
                </a:cubicBezTo>
                <a:cubicBezTo>
                  <a:pt x="208" y="420"/>
                  <a:pt x="208" y="420"/>
                  <a:pt x="208" y="420"/>
                </a:cubicBezTo>
                <a:cubicBezTo>
                  <a:pt x="193" y="420"/>
                  <a:pt x="178" y="407"/>
                  <a:pt x="178" y="391"/>
                </a:cubicBezTo>
                <a:cubicBezTo>
                  <a:pt x="178" y="375"/>
                  <a:pt x="193" y="360"/>
                  <a:pt x="208" y="360"/>
                </a:cubicBezTo>
                <a:cubicBezTo>
                  <a:pt x="498" y="360"/>
                  <a:pt x="498" y="360"/>
                  <a:pt x="498" y="360"/>
                </a:cubicBezTo>
                <a:cubicBezTo>
                  <a:pt x="366" y="244"/>
                  <a:pt x="366" y="244"/>
                  <a:pt x="366" y="244"/>
                </a:cubicBezTo>
                <a:cubicBezTo>
                  <a:pt x="359" y="237"/>
                  <a:pt x="357" y="228"/>
                  <a:pt x="357" y="222"/>
                </a:cubicBezTo>
                <a:cubicBezTo>
                  <a:pt x="357" y="206"/>
                  <a:pt x="371" y="192"/>
                  <a:pt x="388" y="192"/>
                </a:cubicBezTo>
                <a:cubicBezTo>
                  <a:pt x="396" y="192"/>
                  <a:pt x="404" y="197"/>
                  <a:pt x="407" y="200"/>
                </a:cubicBezTo>
                <a:cubicBezTo>
                  <a:pt x="590" y="368"/>
                  <a:pt x="590" y="368"/>
                  <a:pt x="590" y="368"/>
                </a:cubicBezTo>
                <a:cubicBezTo>
                  <a:pt x="598" y="375"/>
                  <a:pt x="600" y="382"/>
                  <a:pt x="600" y="391"/>
                </a:cubicBezTo>
                <a:cubicBezTo>
                  <a:pt x="600" y="398"/>
                  <a:pt x="598" y="407"/>
                  <a:pt x="590" y="415"/>
                </a:cubicBezTo>
                <a:lnTo>
                  <a:pt x="409" y="581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8360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accent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DD4F83-2366-4E9B-B0AA-DE51DEAC31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AA4F879-C0D4-44D2-ACD5-0CA0F9ACB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94533D-DF54-4AA4-B2D7-53AA5B483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E6438023-7449-4C66-B172-1B06BD7094B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720"/>
            <a:ext cx="4539600" cy="713946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E36F1D8C-04F6-4E2E-A03E-2CB263C7417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41439930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noProof="0" dirty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 err="1"/>
              <a:t>Klik</a:t>
            </a:r>
            <a:r>
              <a:rPr lang="en-GB" noProof="0" dirty="0"/>
              <a:t> for </a:t>
            </a:r>
            <a:r>
              <a:rPr lang="en-GB" noProof="0" dirty="0" err="1"/>
              <a:t>indsætte</a:t>
            </a:r>
            <a:r>
              <a:rPr lang="en-GB" noProof="0" dirty="0"/>
              <a:t> </a:t>
            </a:r>
            <a:r>
              <a:rPr lang="en-GB" noProof="0" dirty="0" err="1"/>
              <a:t>tekst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9659989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mmereret liste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noProof="0" dirty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 marL="360000" indent="-360000">
              <a:buFont typeface="+mj-lt"/>
              <a:buAutoNum type="arabicPeriod"/>
              <a:defRPr/>
            </a:lvl1pPr>
            <a:lvl2pPr marL="612000">
              <a:defRPr/>
            </a:lvl2pPr>
            <a:lvl3pPr marL="864000">
              <a:defRPr/>
            </a:lvl3pPr>
            <a:lvl4pPr marL="1116000">
              <a:defRPr/>
            </a:lvl4pPr>
          </a:lstStyle>
          <a:p>
            <a:pPr lvl="0"/>
            <a:r>
              <a:rPr lang="en-GB" noProof="0" dirty="0" err="1"/>
              <a:t>Klik</a:t>
            </a:r>
            <a:r>
              <a:rPr lang="en-GB" noProof="0" dirty="0"/>
              <a:t> for </a:t>
            </a:r>
            <a:r>
              <a:rPr lang="en-GB" noProof="0" dirty="0" err="1"/>
              <a:t>indsætte</a:t>
            </a:r>
            <a:r>
              <a:rPr lang="en-GB" noProof="0" dirty="0"/>
              <a:t> </a:t>
            </a:r>
            <a:r>
              <a:rPr lang="en-GB" noProof="0" dirty="0" err="1"/>
              <a:t>nummereret</a:t>
            </a:r>
            <a:r>
              <a:rPr lang="en-GB" noProof="0" dirty="0"/>
              <a:t> </a:t>
            </a:r>
            <a:r>
              <a:rPr lang="en-GB" noProof="0" dirty="0" err="1"/>
              <a:t>liste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722725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(graf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2298"/>
            <a:ext cx="11109324" cy="79354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max. </a:t>
            </a:r>
            <a:r>
              <a:rPr lang="en-US" dirty="0" err="1"/>
              <a:t>enlinj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50" y="1522192"/>
            <a:ext cx="11109326" cy="42467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Indsæt graf som et billede fra Excel.</a:t>
            </a:r>
            <a:br>
              <a:rPr lang="da-DK" noProof="0" dirty="0"/>
            </a:br>
            <a:r>
              <a:rPr lang="da-DK" noProof="0" dirty="0"/>
              <a:t>Grafen kan også laves direkte i PowerPoint: </a:t>
            </a:r>
            <a:br>
              <a:rPr lang="da-DK" noProof="0" dirty="0"/>
            </a:br>
            <a:r>
              <a:rPr lang="da-DK" noProof="0" dirty="0"/>
              <a:t>1. Klik på DI fanen, </a:t>
            </a:r>
            <a:br>
              <a:rPr lang="da-DK" noProof="0" dirty="0"/>
            </a:br>
            <a:r>
              <a:rPr lang="da-DK" noProof="0" dirty="0"/>
              <a:t>2. </a:t>
            </a:r>
            <a:r>
              <a:rPr lang="da-DK" noProof="0" dirty="0" err="1"/>
              <a:t>Create</a:t>
            </a:r>
            <a:r>
              <a:rPr lang="da-DK" noProof="0" dirty="0"/>
              <a:t> Chart, </a:t>
            </a:r>
            <a:br>
              <a:rPr lang="da-DK" noProof="0" dirty="0"/>
            </a:br>
            <a:r>
              <a:rPr lang="da-DK" noProof="0" dirty="0"/>
              <a:t>3. Vælg efterfølgende Chart </a:t>
            </a:r>
            <a:r>
              <a:rPr lang="da-DK" noProof="0" dirty="0" err="1"/>
              <a:t>Color</a:t>
            </a:r>
            <a:r>
              <a:rPr lang="da-DK" noProof="0" dirty="0"/>
              <a:t>. 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08B1870-3920-4E74-BA14-F75568939DB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2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None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8" name="Pagenumber 30" hidden="1">
            <a:extLst>
              <a:ext uri="{FF2B5EF4-FFF2-40B4-BE49-F238E27FC236}">
                <a16:creationId xmlns:a16="http://schemas.microsoft.com/office/drawing/2014/main" id="{FD00C398-FE3E-45D3-880D-D38321AA3F6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4564149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68FF2008-6E48-4CDB-A5AD-649C18A5175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30" name="Title 1">
            <a:extLst>
              <a:ext uri="{FF2B5EF4-FFF2-40B4-BE49-F238E27FC236}">
                <a16:creationId xmlns:a16="http://schemas.microsoft.com/office/drawing/2014/main" id="{B1949515-7F1A-4A75-9EAB-0390FA7016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da-DK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3EAB373A-F556-47CE-B40B-D6636BD685E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3" y="2349500"/>
            <a:ext cx="3420001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B24AE7-6241-4C9C-8DAC-ECD63A6E085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49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375B1A5C-DD9D-44CB-A8E4-438F9E2B5D3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367213" y="2349500"/>
            <a:ext cx="3421062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AB93CF1-2FB8-4295-8EE3-47DFFD0ACAA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39749" y="4275499"/>
            <a:ext cx="3420000" cy="1493475"/>
          </a:xfrm>
        </p:spPr>
        <p:txBody>
          <a:bodyPr tIns="180000"/>
          <a:lstStyle>
            <a:lvl1pPr marL="0" indent="0">
              <a:buNone/>
              <a:defRPr/>
            </a:lvl1pPr>
            <a:lvl2pPr marL="450000" indent="0">
              <a:buNone/>
              <a:defRPr/>
            </a:lvl2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tekst</a:t>
            </a:r>
            <a:endParaRPr lang="en-US" dirty="0"/>
          </a:p>
          <a:p>
            <a:pPr lvl="1"/>
            <a:endParaRPr lang="da-DK" dirty="0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9FFB44E-6734-463A-99D5-508165ECA8B6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66799" y="4275499"/>
            <a:ext cx="3420000" cy="1493476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C53ADEB9-01FE-42AB-B92C-06FD4D6CA22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228012" y="4275499"/>
            <a:ext cx="3421062" cy="1493475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9AAEB967-D967-4E08-AD83-04BFF3D0E9C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9859E6B-1680-4BE4-9828-BAFA198F6E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8122EAA-35F0-4569-A659-A62E56522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DCBF0F-0D4F-4D6B-9845-7DE10415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A7700896-D13C-4C65-AAE1-C96BEE12A93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5" name="Pagenumber 30" hidden="1">
            <a:extLst>
              <a:ext uri="{FF2B5EF4-FFF2-40B4-BE49-F238E27FC236}">
                <a16:creationId xmlns:a16="http://schemas.microsoft.com/office/drawing/2014/main" id="{0441D8E2-EABE-4DC4-91A8-42BB922E363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9998705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latin typeface="+mj-lt"/>
              </a:defRPr>
            </a:lvl1pPr>
          </a:lstStyle>
          <a:p>
            <a:r>
              <a:rPr lang="da-DK" dirty="0"/>
              <a:t>Overskriften flyttes op </a:t>
            </a:r>
            <a:br>
              <a:rPr lang="da-DK" dirty="0"/>
            </a:br>
            <a:r>
              <a:rPr lang="da-DK" dirty="0"/>
              <a:t>eller ned afhængig af motiv </a:t>
            </a:r>
            <a:br>
              <a:rPr lang="da-DK" dirty="0"/>
            </a:br>
            <a:r>
              <a:rPr lang="da-DK" dirty="0"/>
              <a:t>i foto. Max. 3 linjers tekst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5BF48F6-1D9E-45BC-9597-F103FF4309FF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</a:t>
            </a:r>
            <a:r>
              <a:rPr lang="da-DK" sz="1100" b="1" dirty="0"/>
              <a:t> lyst </a:t>
            </a:r>
            <a:r>
              <a:rPr lang="da-DK" sz="1100" dirty="0"/>
              <a:t>baggrundsbillede. Indsæt et nyt: Klik på </a:t>
            </a:r>
            <a:r>
              <a:rPr lang="da-DK" sz="1100" b="1" dirty="0"/>
              <a:t>Baggrundsbilleder </a:t>
            </a:r>
            <a:r>
              <a:rPr lang="da-DK" sz="1100" dirty="0"/>
              <a:t>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>
            <a:extLst>
              <a:ext uri="{FF2B5EF4-FFF2-40B4-BE49-F238E27FC236}">
                <a16:creationId xmlns:a16="http://schemas.microsoft.com/office/drawing/2014/main" id="{E1FF5F0D-10D8-4C7C-B387-ADA6F4D3954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A2293AA5-FB1A-4BE5-9D75-EAE8F36CED7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F85542D-E470-4262-B221-3E175E25A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132B558D-E81E-4986-A329-383B626AE5FB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715DA2-2786-4F9A-B009-68466F6AB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1985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Overskriften flyttes op </a:t>
            </a:r>
            <a:br>
              <a:rPr lang="da-DK" dirty="0"/>
            </a:br>
            <a:r>
              <a:rPr lang="da-DK" dirty="0"/>
              <a:t>eller ned afhængig af motiv </a:t>
            </a:r>
            <a:br>
              <a:rPr lang="da-DK" dirty="0"/>
            </a:br>
            <a:r>
              <a:rPr lang="da-DK" dirty="0"/>
              <a:t>i foto. Max. 3 linjers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E8CBF7-0847-4ADA-99A4-B1144861E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43A9880-ED3B-46FF-AC17-34410DFE2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72077E6-2070-4E74-9A60-0EA64E9DE2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615B818-AFD0-4AE7-843C-187A96364FE9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 </a:t>
            </a:r>
            <a:r>
              <a:rPr lang="da-DK" sz="1100" b="1" dirty="0"/>
              <a:t>mørkt</a:t>
            </a:r>
            <a:r>
              <a:rPr lang="da-DK" sz="1100" dirty="0"/>
              <a:t> baggrundsbillede. Indsæt et nyt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5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4466E184-1308-417B-AF5A-07653D5A26C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EC0E8672-9DBD-48CA-9A71-BACFE2B3FDA8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6389918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BFCCA4FA-A913-4EE5-BBDF-951A73A552CC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2297"/>
            <a:ext cx="11109324" cy="136319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50" y="2349500"/>
            <a:ext cx="7248526" cy="3635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 err="1"/>
              <a:t>Førs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1</a:t>
            </a:r>
          </a:p>
          <a:p>
            <a:pPr lvl="1"/>
            <a:r>
              <a:rPr lang="en-GB" noProof="0" dirty="0" err="1"/>
              <a:t>Andet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2</a:t>
            </a:r>
          </a:p>
          <a:p>
            <a:pPr lvl="2"/>
            <a:r>
              <a:rPr lang="en-GB" noProof="0" dirty="0" err="1"/>
              <a:t>Tredj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3</a:t>
            </a:r>
          </a:p>
          <a:p>
            <a:pPr lvl="3"/>
            <a:r>
              <a:rPr lang="en-GB" noProof="0" dirty="0" err="1"/>
              <a:t>Fjer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4</a:t>
            </a:r>
          </a:p>
          <a:p>
            <a:pPr lvl="4"/>
            <a:r>
              <a:rPr lang="en-GB" noProof="0" dirty="0" err="1"/>
              <a:t>Fem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Kommentarer</a:t>
            </a:r>
            <a:endParaRPr lang="en-GB" noProof="0" dirty="0"/>
          </a:p>
          <a:p>
            <a:pPr lvl="5"/>
            <a:r>
              <a:rPr lang="en-GB" noProof="0" dirty="0" err="1"/>
              <a:t>Sjet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Brød</a:t>
            </a:r>
            <a:endParaRPr lang="en-GB" noProof="0" dirty="0"/>
          </a:p>
          <a:p>
            <a:pPr lvl="6"/>
            <a:r>
              <a:rPr lang="en-GB" noProof="0" dirty="0" err="1"/>
              <a:t>Syv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Titel</a:t>
            </a:r>
            <a:endParaRPr lang="en-GB" noProof="0" dirty="0"/>
          </a:p>
          <a:p>
            <a:pPr lvl="7"/>
            <a:r>
              <a:rPr lang="en-GB" noProof="0" dirty="0" err="1"/>
              <a:t>Ott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Citat</a:t>
            </a:r>
            <a:endParaRPr lang="en-GB" noProof="0" dirty="0"/>
          </a:p>
          <a:p>
            <a:pPr lvl="8"/>
            <a:r>
              <a:rPr lang="en-GB" noProof="0" dirty="0" err="1"/>
              <a:t>Ni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Navn</a:t>
            </a:r>
            <a:endParaRPr lang="en-GB" noProof="0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498000"/>
            <a:ext cx="540000" cy="360000"/>
          </a:xfrm>
          <a:prstGeom prst="rect">
            <a:avLst/>
          </a:prstGeom>
        </p:spPr>
        <p:txBody>
          <a:bodyPr vert="horz" wrap="square" lIns="180000" tIns="0" rIns="0" bIns="180000" rtlCol="0" anchor="b" anchorCtr="0"/>
          <a:lstStyle>
            <a:lvl1pPr algn="l">
              <a:defRPr sz="900">
                <a:solidFill>
                  <a:srgbClr val="D0D0D0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Pagenumber 30" hidden="1">
            <a:extLst>
              <a:ext uri="{FF2B5EF4-FFF2-40B4-BE49-F238E27FC236}">
                <a16:creationId xmlns:a16="http://schemas.microsoft.com/office/drawing/2014/main" id="{C6BF6B8C-C07B-4BFC-AA15-0E38505E2A7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45" r:id="rId2"/>
    <p:sldLayoutId id="2147483746" r:id="rId3"/>
    <p:sldLayoutId id="2147483741" r:id="rId4"/>
    <p:sldLayoutId id="2147483758" r:id="rId5"/>
    <p:sldLayoutId id="2147483754" r:id="rId6"/>
    <p:sldLayoutId id="2147483748" r:id="rId7"/>
    <p:sldLayoutId id="2147483749" r:id="rId8"/>
    <p:sldLayoutId id="2147483750" r:id="rId9"/>
    <p:sldLayoutId id="2147483751" r:id="rId10"/>
    <p:sldLayoutId id="2147483755" r:id="rId11"/>
    <p:sldLayoutId id="2147483752" r:id="rId12"/>
    <p:sldLayoutId id="2147483753" r:id="rId13"/>
    <p:sldLayoutId id="2147483756" r:id="rId14"/>
    <p:sldLayoutId id="2147483757" r:id="rId15"/>
    <p:sldLayoutId id="2147483743" r:id="rId16"/>
    <p:sldLayoutId id="2147483744" r:id="rId17"/>
  </p:sldLayoutIdLst>
  <p:hf sldNum="0" hdr="0" ft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008000" indent="-250825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3200" i="1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4200" kern="1200" cap="all" baseline="0">
          <a:solidFill>
            <a:schemeClr val="tx1"/>
          </a:solidFill>
          <a:latin typeface="DI Sans Office Black" panose="00000A00000000000000" pitchFamily="2" charset="0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600" kern="1200">
          <a:solidFill>
            <a:schemeClr val="tx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i="1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pos="7338" userDrawn="1">
          <p15:clr>
            <a:srgbClr val="F26B43"/>
          </p15:clr>
        </p15:guide>
        <p15:guide id="5" orient="horz" pos="3916" userDrawn="1">
          <p15:clr>
            <a:srgbClr val="F26B43"/>
          </p15:clr>
        </p15:guide>
        <p15:guide id="6" orient="horz" pos="1480" userDrawn="1">
          <p15:clr>
            <a:srgbClr val="F26B43"/>
          </p15:clr>
        </p15:guide>
        <p15:guide id="7" pos="2502" userDrawn="1">
          <p15:clr>
            <a:srgbClr val="F26B43"/>
          </p15:clr>
        </p15:guide>
        <p15:guide id="8" pos="2751" userDrawn="1">
          <p15:clr>
            <a:srgbClr val="F26B43"/>
          </p15:clr>
        </p15:guide>
        <p15:guide id="9" pos="4906" userDrawn="1">
          <p15:clr>
            <a:srgbClr val="F26B43"/>
          </p15:clr>
        </p15:guide>
        <p15:guide id="10" pos="5178" userDrawn="1">
          <p15:clr>
            <a:srgbClr val="F26B43"/>
          </p15:clr>
        </p15:guide>
        <p15:guide id="11" orient="horz" pos="363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1.xml"/><Relationship Id="rId5" Type="http://schemas.openxmlformats.org/officeDocument/2006/relationships/image" Target="../media/image8.png"/><Relationship Id="rId4" Type="http://schemas.openxmlformats.org/officeDocument/2006/relationships/image" Target="../media/image11.bin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9732AAC-CCAD-924E-ADB6-1F854D89F7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28595" y="461691"/>
            <a:ext cx="11109326" cy="653429"/>
          </a:xfrm>
        </p:spPr>
        <p:txBody>
          <a:bodyPr/>
          <a:lstStyle/>
          <a:p>
            <a:r>
              <a:rPr lang="en-DK" dirty="0"/>
              <a:t>xx</a:t>
            </a:r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99CFC4BE-1985-5746-AAA8-2ADC4838957E}"/>
              </a:ext>
            </a:extLst>
          </p:cNvPr>
          <p:cNvSpPr txBox="1">
            <a:spLocks/>
          </p:cNvSpPr>
          <p:nvPr/>
        </p:nvSpPr>
        <p:spPr>
          <a:xfrm>
            <a:off x="528595" y="1204329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DK" sz="1600" dirty="0"/>
              <a:t>xx</a:t>
            </a:r>
          </a:p>
        </p:txBody>
      </p:sp>
      <p:sp>
        <p:nvSpPr>
          <p:cNvPr id="4" name="Title 2">
            <a:extLst>
              <a:ext uri="{FF2B5EF4-FFF2-40B4-BE49-F238E27FC236}">
                <a16:creationId xmlns:a16="http://schemas.microsoft.com/office/drawing/2014/main" id="{DE0F5E82-93A2-464C-8C4A-7A4889562E5A}"/>
              </a:ext>
            </a:extLst>
          </p:cNvPr>
          <p:cNvSpPr txBox="1">
            <a:spLocks/>
          </p:cNvSpPr>
          <p:nvPr/>
        </p:nvSpPr>
        <p:spPr>
          <a:xfrm>
            <a:off x="528595" y="1494262"/>
            <a:ext cx="11109326" cy="35683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200" b="1" kern="120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1000" b="0" dirty="0"/>
              <a:t>xx</a:t>
            </a:r>
            <a:endParaRPr lang="en-DK" sz="1000" b="0" dirty="0"/>
          </a:p>
        </p:txBody>
      </p:sp>
    </p:spTree>
    <p:extLst>
      <p:ext uri="{BB962C8B-B14F-4D97-AF65-F5344CB8AC3E}">
        <p14:creationId xmlns:p14="http://schemas.microsoft.com/office/powerpoint/2010/main" val="18510133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xx</a:t>
            </a: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46356298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lose up of a person&#10;&#10;Description generated with high confidence">
            <a:extLst>
              <a:ext uri="{FF2B5EF4-FFF2-40B4-BE49-F238E27FC236}">
                <a16:creationId xmlns:a16="http://schemas.microsoft.com/office/drawing/2014/main" id="{5B8C34AC-5AE9-4557-882D-13BB8BB4FC2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Title 10">
            <a:extLst>
              <a:ext uri="{FF2B5EF4-FFF2-40B4-BE49-F238E27FC236}">
                <a16:creationId xmlns:a16="http://schemas.microsoft.com/office/drawing/2014/main" id="{EF75B46E-2C68-4C5D-8E11-F0F0B2E90B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xx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25BB3C5-48EB-472D-9C7A-70C09AD465C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sz="2800" dirty="0"/>
              <a:t>xx</a:t>
            </a:r>
          </a:p>
        </p:txBody>
      </p:sp>
      <p:sp>
        <p:nvSpPr>
          <p:cNvPr id="9" name="Pagenumber 30">
            <a:extLst>
              <a:ext uri="{FF2B5EF4-FFF2-40B4-BE49-F238E27FC236}">
                <a16:creationId xmlns:a16="http://schemas.microsoft.com/office/drawing/2014/main" id="{0D7F7CA0-3612-4560-A81C-6C9F5D25B3FF}"/>
              </a:ext>
            </a:extLst>
          </p:cNvPr>
          <p:cNvSpPr txBox="1">
            <a:spLocks/>
          </p:cNvSpPr>
          <p:nvPr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>
                <a:solidFill>
                  <a:srgbClr val="D0D0D0"/>
                </a:solidFill>
              </a:rPr>
              <a:pPr algn="l"/>
              <a:t>3</a:t>
            </a:fld>
            <a:endParaRPr lang="en-US" dirty="0">
              <a:solidFill>
                <a:srgbClr val="D0D0D0"/>
              </a:solidFill>
            </a:endParaRP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3A793481-AF0E-4E6D-8617-447968C443F8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98677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42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 uiExpand="1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39937"/>
            <a:ext cx="9178653" cy="4320000"/>
            <a:chOff x="879948" y="595116"/>
            <a:chExt cx="4834388" cy="5667769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1066728"/>
              <a:ext cx="4244508" cy="40379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20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DI Sans Office"/>
                  <a:ea typeface="+mn-ea"/>
                  <a:cs typeface="+mn-cs"/>
                </a:rPr>
                <a:t>xx</a:t>
              </a:r>
              <a:endParaRPr lang="da-DK" sz="2000" dirty="0">
                <a:solidFill>
                  <a:srgbClr val="000000"/>
                </a:solidFill>
                <a:latin typeface="DI Sans Office"/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xx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362380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9EAE00-E06A-4CC2-BCAE-5752471BEA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xx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CB8B8DB-B24E-47F8-8F69-A13D5263C6B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9750" y="1814662"/>
            <a:ext cx="6818993" cy="4246783"/>
          </a:xfrm>
        </p:spPr>
        <p:txBody>
          <a:bodyPr/>
          <a:lstStyle/>
          <a:p>
            <a:pPr marL="444500" indent="-444500"/>
            <a:r>
              <a:rPr lang="da-DK" sz="2000" b="0" i="0" u="none" strike="noStrike" dirty="0">
                <a:solidFill>
                  <a:srgbClr val="000000"/>
                </a:solidFill>
                <a:effectLst/>
              </a:rPr>
              <a:t>xx</a:t>
            </a:r>
            <a:endParaRPr lang="da-DK" sz="2400" dirty="0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39F586CD-0694-4001-A8D2-BE1EE1B9707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6B0E3C5E-63E2-4FF9-8935-AD990E935B08}"/>
              </a:ext>
            </a:extLst>
          </p:cNvPr>
          <p:cNvSpPr/>
          <p:nvPr/>
        </p:nvSpPr>
        <p:spPr>
          <a:xfrm>
            <a:off x="7941276" y="330926"/>
            <a:ext cx="3963854" cy="62593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1200" b="1" dirty="0"/>
              <a:t>xx</a:t>
            </a:r>
            <a:endParaRPr lang="da-DK" sz="1200" noProof="0" dirty="0"/>
          </a:p>
        </p:txBody>
      </p:sp>
    </p:spTree>
    <p:extLst>
      <p:ext uri="{BB962C8B-B14F-4D97-AF65-F5344CB8AC3E}">
        <p14:creationId xmlns:p14="http://schemas.microsoft.com/office/powerpoint/2010/main" val="13230089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809F37-B8BE-2C40-9150-1525BD212F3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13740490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BA9978-AACB-954D-9358-01CAEACC431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22040617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3856429623156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heme/theme1.xml><?xml version="1.0" encoding="utf-8"?>
<a:theme xmlns:a="http://schemas.openxmlformats.org/drawingml/2006/main" name="Blank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200" noProof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200" noProof="0" dirty="0" err="1" smtClean="0">
            <a:latin typeface="+mn-lt"/>
          </a:defRPr>
        </a:defPPr>
      </a:lstStyle>
    </a:txDef>
  </a:objectDefaults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Blank.potx" id="{7584288E-EA31-44F9-943A-78D46CEBE1A7}" vid="{964116BC-7F6E-41A5-88E3-E45BB34635D0}"/>
    </a:ext>
  </a:extLst>
</a:theme>
</file>

<file path=ppt/theme/theme2.xml><?xml version="1.0" encoding="utf-8"?>
<a:theme xmlns:a="http://schemas.openxmlformats.org/drawingml/2006/main" name="Office-tema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124283980092953","enableDocumentContentUpdater":true,"version":"1.3"}]]></TemplafySlideTemplateConfiguration>
</file>

<file path=customXml/item10.xml><?xml version="1.0" encoding="utf-8"?>
<TemplafyFormConfiguration><![CDATA[{"formFields":[{"required":true,"type":"datePicker","name":"Date","label":"Date","helpTexts":{"prefix":"","postfix":""},"spacing":{},"fullyQualifiedName":"Date"}],"formDataEntries":[]}]]></Templafy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6808954516071939","enableDocumentContentUpdater":true,"version":"1.3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TemplateConfiguration><![CDATA[{"elementsMetadata":[],"transformationConfigurations":[{"colorTheme":"{{UserProfile.Office.ThemeColor}}","disableUpdates":false,"type":"colorTheme"}],"templateName":"Dansk Industri skabelon","templateDescription":"","enableDocumentContentUpdater":true,"version":"1.3"}]]></TemplafyTemplateConfiguration>
</file>

<file path=customXml/item14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5915691","version":"1.3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4509420","version":"1.3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808954516071938","enableDocumentContentUpdater":true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08954515915690","enableDocumentContentUpdater":true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2FB1F1CB-F3D1-4EFE-94D0-9D7151F8FAD5}">
  <ds:schemaRefs/>
</ds:datastoreItem>
</file>

<file path=customXml/itemProps10.xml><?xml version="1.0" encoding="utf-8"?>
<ds:datastoreItem xmlns:ds="http://schemas.openxmlformats.org/officeDocument/2006/customXml" ds:itemID="{1EF4E55D-2482-4D1C-9EAE-C845FBA1F98A}">
  <ds:schemaRefs/>
</ds:datastoreItem>
</file>

<file path=customXml/itemProps11.xml><?xml version="1.0" encoding="utf-8"?>
<ds:datastoreItem xmlns:ds="http://schemas.openxmlformats.org/officeDocument/2006/customXml" ds:itemID="{71344B33-F68A-4FFD-86EF-51F1D3EC5F31}">
  <ds:schemaRefs/>
</ds:datastoreItem>
</file>

<file path=customXml/itemProps12.xml><?xml version="1.0" encoding="utf-8"?>
<ds:datastoreItem xmlns:ds="http://schemas.openxmlformats.org/officeDocument/2006/customXml" ds:itemID="{97C87EAA-1A5F-47EE-AA46-70F58559CA3B}">
  <ds:schemaRefs/>
</ds:datastoreItem>
</file>

<file path=customXml/itemProps13.xml><?xml version="1.0" encoding="utf-8"?>
<ds:datastoreItem xmlns:ds="http://schemas.openxmlformats.org/officeDocument/2006/customXml" ds:itemID="{291500AC-E39E-4F40-A6DB-F6A71073DF96}">
  <ds:schemaRefs/>
</ds:datastoreItem>
</file>

<file path=customXml/itemProps14.xml><?xml version="1.0" encoding="utf-8"?>
<ds:datastoreItem xmlns:ds="http://schemas.openxmlformats.org/officeDocument/2006/customXml" ds:itemID="{CDBD0379-C95C-4019-A746-F381126469F4}">
  <ds:schemaRefs/>
</ds:datastoreItem>
</file>

<file path=customXml/itemProps2.xml><?xml version="1.0" encoding="utf-8"?>
<ds:datastoreItem xmlns:ds="http://schemas.openxmlformats.org/officeDocument/2006/customXml" ds:itemID="{3A10A9C3-7F93-4662-AB01-59E7717416FE}">
  <ds:schemaRefs/>
</ds:datastoreItem>
</file>

<file path=customXml/itemProps3.xml><?xml version="1.0" encoding="utf-8"?>
<ds:datastoreItem xmlns:ds="http://schemas.openxmlformats.org/officeDocument/2006/customXml" ds:itemID="{41BA1C18-A36F-4729-B9C1-414681A9432C}">
  <ds:schemaRefs/>
</ds:datastoreItem>
</file>

<file path=customXml/itemProps4.xml><?xml version="1.0" encoding="utf-8"?>
<ds:datastoreItem xmlns:ds="http://schemas.openxmlformats.org/officeDocument/2006/customXml" ds:itemID="{46D4138A-B0F6-48FA-8CCF-126A21808185}">
  <ds:schemaRefs/>
</ds:datastoreItem>
</file>

<file path=customXml/itemProps5.xml><?xml version="1.0" encoding="utf-8"?>
<ds:datastoreItem xmlns:ds="http://schemas.openxmlformats.org/officeDocument/2006/customXml" ds:itemID="{61531FEB-C1DC-4B67-B0C4-5473EDC03597}">
  <ds:schemaRefs/>
</ds:datastoreItem>
</file>

<file path=customXml/itemProps6.xml><?xml version="1.0" encoding="utf-8"?>
<ds:datastoreItem xmlns:ds="http://schemas.openxmlformats.org/officeDocument/2006/customXml" ds:itemID="{99EB29D2-C8CA-418D-B43C-BAA03E512281}">
  <ds:schemaRefs/>
</ds:datastoreItem>
</file>

<file path=customXml/itemProps7.xml><?xml version="1.0" encoding="utf-8"?>
<ds:datastoreItem xmlns:ds="http://schemas.openxmlformats.org/officeDocument/2006/customXml" ds:itemID="{E2270BB7-6951-4145-A709-84BC48A06248}">
  <ds:schemaRefs/>
</ds:datastoreItem>
</file>

<file path=customXml/itemProps8.xml><?xml version="1.0" encoding="utf-8"?>
<ds:datastoreItem xmlns:ds="http://schemas.openxmlformats.org/officeDocument/2006/customXml" ds:itemID="{E9491815-D6F2-4AF8-8140-13376DFE8338}">
  <ds:schemaRefs/>
</ds:datastoreItem>
</file>

<file path=customXml/itemProps9.xml><?xml version="1.0" encoding="utf-8"?>
<ds:datastoreItem xmlns:ds="http://schemas.openxmlformats.org/officeDocument/2006/customXml" ds:itemID="{C550A66E-BED0-4B8E-8B04-B56053D44FE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3210</TotalTime>
  <Words>18</Words>
  <Application>Microsoft Macintosh PowerPoint</Application>
  <PresentationFormat>Widescreen</PresentationFormat>
  <Paragraphs>18</Paragraphs>
  <Slides>7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2" baseType="lpstr">
      <vt:lpstr>DI Sans Office Black</vt:lpstr>
      <vt:lpstr>DI Sans Office</vt:lpstr>
      <vt:lpstr>Arial</vt:lpstr>
      <vt:lpstr>DI Serif Office</vt:lpstr>
      <vt:lpstr>Blank</vt:lpstr>
      <vt:lpstr>xx</vt:lpstr>
      <vt:lpstr>Agenda</vt:lpstr>
      <vt:lpstr>xx</vt:lpstr>
      <vt:lpstr>xx</vt:lpstr>
      <vt:lpstr>xx</vt:lpstr>
      <vt:lpstr>PowerPoint Presentation</vt:lpstr>
      <vt:lpstr>PowerPoint Presentation</vt:lpstr>
    </vt:vector>
  </TitlesOfParts>
  <Company>Dansk Industri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ådan kommer du i gang med Templafy</dc:title>
  <dc:creator>Vivian Vinter</dc:creator>
  <cp:lastModifiedBy>Nicklas Johansen</cp:lastModifiedBy>
  <cp:revision>43</cp:revision>
  <dcterms:created xsi:type="dcterms:W3CDTF">2021-07-22T13:03:51Z</dcterms:created>
  <dcterms:modified xsi:type="dcterms:W3CDTF">2021-11-24T14:14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19-12-20T08:46:35.6282428Z</vt:lpwstr>
  </property>
</Properties>
</file>